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2100\Desktop\R6法改正\新様式\"/>
    </mc:Choice>
  </mc:AlternateContent>
  <xr:revisionPtr revIDLastSave="0" documentId="8_{FC36D75F-5384-40B9-80D2-D28AC5AA67DE}" xr6:coauthVersionLast="47" xr6:coauthVersionMax="47" xr10:uidLastSave="{00000000-0000-0000-0000-000000000000}"/>
  <bookViews>
    <workbookView xWindow="1845" yWindow="675" windowWidth="15375" windowHeight="7875" xr2:uid="{568B1E1E-B3D1-4016-8039-82B27AA1F392}"/>
  </bookViews>
  <sheets>
    <sheet name="別紙25－2" sheetId="2" r:id="rId1"/>
    <sheet name="Sheet1" sheetId="1" r:id="rId2"/>
  </sheets>
  <externalReferences>
    <externalReference r:id="rId3"/>
    <externalReference r:id="rId4"/>
    <externalReference r:id="rId5"/>
  </externalReferences>
  <definedNames>
    <definedName name="ｋ">#N/A</definedName>
    <definedName name="_xlnm.Print_Area" localSheetId="0">'別紙25－2'!$A$1:$Z$37</definedName>
    <definedName name="サービス種別">[1]サービス種類一覧!$B$4:$B$20</definedName>
    <definedName name="サービス種類">[2]サービス種類一覧!$C$4:$C$20</definedName>
    <definedName name="サービス名">#N/A</definedName>
    <definedName name="サービス名称">#N/A</definedName>
    <definedName name="だだ">#N/A</definedName>
    <definedName name="っっｋ">#N/A</definedName>
    <definedName name="っっっっｌ">#N/A</definedName>
    <definedName name="確認">#N/A</definedName>
    <definedName name="種類">[3]サービス種類一覧!$A$4:$A$2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56" uniqueCount="34">
  <si>
    <t>（別紙25－2）</t>
    <phoneticPr fontId="4"/>
  </si>
  <si>
    <t>看護体制加算に係る届出書</t>
    <rPh sb="0" eb="2">
      <t>カンゴ</t>
    </rPh>
    <rPh sb="2" eb="4">
      <t>タイセイ</t>
    </rPh>
    <rPh sb="4" eb="6">
      <t>カサン</t>
    </rPh>
    <rPh sb="7" eb="8">
      <t>カカ</t>
    </rPh>
    <rPh sb="9" eb="12">
      <t>トドケデショ</t>
    </rPh>
    <phoneticPr fontId="4"/>
  </si>
  <si>
    <t>事 業 所 名</t>
    <phoneticPr fontId="4"/>
  </si>
  <si>
    <t>異動等区分</t>
  </si>
  <si>
    <t>□</t>
  </si>
  <si>
    <t>1　新規</t>
    <phoneticPr fontId="4"/>
  </si>
  <si>
    <t>2　変更</t>
    <phoneticPr fontId="4"/>
  </si>
  <si>
    <t>3　終了</t>
    <phoneticPr fontId="4"/>
  </si>
  <si>
    <t>施 設 種 別</t>
    <rPh sb="0" eb="1">
      <t>シ</t>
    </rPh>
    <rPh sb="2" eb="3">
      <t>セツ</t>
    </rPh>
    <rPh sb="4" eb="5">
      <t>タネ</t>
    </rPh>
    <rPh sb="6" eb="7">
      <t>ベツ</t>
    </rPh>
    <phoneticPr fontId="4"/>
  </si>
  <si>
    <t>1　介護老人福祉施設</t>
    <phoneticPr fontId="4"/>
  </si>
  <si>
    <t>2　地域密着型介護老人福祉施設</t>
    <phoneticPr fontId="4"/>
  </si>
  <si>
    <t>届 出 項 目</t>
    <phoneticPr fontId="4"/>
  </si>
  <si>
    <t>1　看護体制加算（Ⅰ）イ</t>
    <phoneticPr fontId="4"/>
  </si>
  <si>
    <t>2　看護体制加算（Ⅰ）ロ</t>
    <phoneticPr fontId="4"/>
  </si>
  <si>
    <t>3　看護体制加算（Ⅱ）イ</t>
    <phoneticPr fontId="4"/>
  </si>
  <si>
    <t>4　看護体制加算（Ⅱ）ロ</t>
    <phoneticPr fontId="4"/>
  </si>
  <si>
    <t xml:space="preserve"> 看護体制加算に関する届出内容</t>
    <rPh sb="1" eb="3">
      <t>カンゴ</t>
    </rPh>
    <rPh sb="3" eb="5">
      <t>タイセイ</t>
    </rPh>
    <rPh sb="8" eb="9">
      <t>カン</t>
    </rPh>
    <phoneticPr fontId="4"/>
  </si>
  <si>
    <t>定員及び入所者の状況</t>
    <rPh sb="0" eb="2">
      <t>テイイン</t>
    </rPh>
    <rPh sb="2" eb="3">
      <t>オヨ</t>
    </rPh>
    <rPh sb="4" eb="7">
      <t>ニュウショシャ</t>
    </rPh>
    <rPh sb="8" eb="10">
      <t>ジョウキョウ</t>
    </rPh>
    <phoneticPr fontId="4"/>
  </si>
  <si>
    <t>　定員</t>
    <rPh sb="1" eb="3">
      <t>テイイン</t>
    </rPh>
    <phoneticPr fontId="4"/>
  </si>
  <si>
    <t>人</t>
  </si>
  <si>
    <t>　入所者数</t>
    <rPh sb="1" eb="4">
      <t>ニュウショシャ</t>
    </rPh>
    <rPh sb="4" eb="5">
      <t>スウ</t>
    </rPh>
    <phoneticPr fontId="4"/>
  </si>
  <si>
    <t>看護職員の状況</t>
    <rPh sb="0" eb="2">
      <t>カンゴ</t>
    </rPh>
    <rPh sb="2" eb="4">
      <t>ショクイン</t>
    </rPh>
    <rPh sb="5" eb="7">
      <t>ジョウキョウ</t>
    </rPh>
    <phoneticPr fontId="4"/>
  </si>
  <si>
    <t>　保 健 師</t>
    <rPh sb="1" eb="2">
      <t>タモツ</t>
    </rPh>
    <rPh sb="3" eb="4">
      <t>ケン</t>
    </rPh>
    <rPh sb="5" eb="6">
      <t>シ</t>
    </rPh>
    <phoneticPr fontId="4"/>
  </si>
  <si>
    <t>　常勤</t>
    <phoneticPr fontId="4"/>
  </si>
  <si>
    <t>　常勤換算</t>
    <rPh sb="3" eb="5">
      <t>カンサン</t>
    </rPh>
    <phoneticPr fontId="4"/>
  </si>
  <si>
    <t>　看 護 師</t>
    <phoneticPr fontId="4"/>
  </si>
  <si>
    <t>　准看護師</t>
    <rPh sb="1" eb="2">
      <t>ジュン</t>
    </rPh>
    <phoneticPr fontId="4"/>
  </si>
  <si>
    <t>連携する病院・診療所・訪問看護ステーション</t>
    <rPh sb="0" eb="2">
      <t>レンケイ</t>
    </rPh>
    <rPh sb="4" eb="6">
      <t>ビョウイン</t>
    </rPh>
    <rPh sb="7" eb="10">
      <t>シンリョウジョ</t>
    </rPh>
    <rPh sb="11" eb="13">
      <t>ホウモン</t>
    </rPh>
    <rPh sb="13" eb="15">
      <t>カンゴ</t>
    </rPh>
    <phoneticPr fontId="4"/>
  </si>
  <si>
    <t>病院・診療所・訪問看護ステーション名</t>
    <rPh sb="0" eb="2">
      <t>ビョウイン</t>
    </rPh>
    <rPh sb="3" eb="6">
      <t>シンリョウジョ</t>
    </rPh>
    <rPh sb="7" eb="9">
      <t>ホウモン</t>
    </rPh>
    <rPh sb="9" eb="11">
      <t>カンゴ</t>
    </rPh>
    <rPh sb="17" eb="18">
      <t>メイ</t>
    </rPh>
    <phoneticPr fontId="4"/>
  </si>
  <si>
    <t>事業所番号</t>
    <rPh sb="0" eb="3">
      <t>ジギョウショ</t>
    </rPh>
    <rPh sb="3" eb="5">
      <t>バンゴウ</t>
    </rPh>
    <phoneticPr fontId="4"/>
  </si>
  <si>
    <t>　24時間常時連絡できる体制を整備している。</t>
    <phoneticPr fontId="4"/>
  </si>
  <si>
    <t>有</t>
    <rPh sb="0" eb="1">
      <t>ア</t>
    </rPh>
    <phoneticPr fontId="4"/>
  </si>
  <si>
    <t>・</t>
    <phoneticPr fontId="4"/>
  </si>
  <si>
    <t>無</t>
    <rPh sb="0" eb="1">
      <t>ナ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b/>
      <sz val="11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</borders>
  <cellStyleXfs count="2">
    <xf numFmtId="0" fontId="0" fillId="0" borderId="0">
      <alignment vertical="center"/>
    </xf>
    <xf numFmtId="0" fontId="1" fillId="0" borderId="0"/>
  </cellStyleXfs>
  <cellXfs count="51">
    <xf numFmtId="0" fontId="0" fillId="0" borderId="0" xfId="0">
      <alignment vertical="center"/>
    </xf>
    <xf numFmtId="0" fontId="2" fillId="0" borderId="0" xfId="1" applyFont="1" applyAlignment="1">
      <alignment horizontal="left" vertical="center"/>
    </xf>
    <xf numFmtId="0" fontId="2" fillId="0" borderId="0" xfId="1" applyFont="1" applyAlignment="1">
      <alignment horizontal="center" vertical="center"/>
    </xf>
    <xf numFmtId="0" fontId="2" fillId="0" borderId="1" xfId="1" applyFont="1" applyBorder="1" applyAlignment="1">
      <alignment horizontal="center" vertical="center"/>
    </xf>
    <xf numFmtId="0" fontId="2" fillId="0" borderId="2" xfId="1" applyFont="1" applyBorder="1" applyAlignment="1">
      <alignment horizontal="left" vertical="center"/>
    </xf>
    <xf numFmtId="0" fontId="2" fillId="0" borderId="3" xfId="1" applyFont="1" applyBorder="1" applyAlignment="1">
      <alignment horizontal="left" vertical="center"/>
    </xf>
    <xf numFmtId="0" fontId="2" fillId="0" borderId="4" xfId="1" applyFont="1" applyBorder="1" applyAlignment="1">
      <alignment horizontal="left"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horizontal="center" vertical="center"/>
    </xf>
    <xf numFmtId="0" fontId="2" fillId="0" borderId="4" xfId="1" applyFont="1" applyBorder="1" applyAlignment="1">
      <alignment horizontal="center"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vertical="center"/>
    </xf>
    <xf numFmtId="0" fontId="2" fillId="0" borderId="0" xfId="1" applyFont="1" applyAlignment="1">
      <alignment horizontal="center" vertical="center"/>
    </xf>
    <xf numFmtId="0" fontId="2" fillId="0" borderId="4" xfId="1" applyFont="1" applyBorder="1" applyAlignment="1">
      <alignment vertical="center"/>
    </xf>
    <xf numFmtId="0" fontId="2" fillId="0" borderId="3" xfId="1" applyFont="1" applyBorder="1" applyAlignment="1">
      <alignment horizontal="left" vertical="center"/>
    </xf>
    <xf numFmtId="0" fontId="2" fillId="0" borderId="3" xfId="1" applyFont="1" applyBorder="1" applyAlignment="1">
      <alignment vertical="center" shrinkToFit="1"/>
    </xf>
    <xf numFmtId="0" fontId="2" fillId="0" borderId="4" xfId="1" applyFont="1" applyBorder="1" applyAlignment="1">
      <alignment vertical="center" shrinkToFit="1"/>
    </xf>
    <xf numFmtId="0" fontId="2" fillId="0" borderId="0" xfId="1" applyFont="1"/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6" xfId="1" applyFont="1" applyBorder="1" applyAlignment="1">
      <alignment horizontal="left" vertical="center"/>
    </xf>
    <xf numFmtId="0" fontId="2" fillId="0" borderId="6" xfId="1" applyFont="1" applyBorder="1" applyAlignment="1">
      <alignment vertical="center" shrinkToFit="1"/>
    </xf>
    <xf numFmtId="0" fontId="2" fillId="0" borderId="7" xfId="1" applyFont="1" applyBorder="1" applyAlignment="1">
      <alignment vertical="center" shrinkToFit="1"/>
    </xf>
    <xf numFmtId="0" fontId="2" fillId="0" borderId="8" xfId="1" applyFont="1" applyBorder="1" applyAlignment="1">
      <alignment horizontal="center" vertical="center"/>
    </xf>
    <xf numFmtId="0" fontId="2" fillId="0" borderId="9" xfId="1" applyFont="1" applyBorder="1" applyAlignment="1">
      <alignment horizontal="center" vertical="center"/>
    </xf>
    <xf numFmtId="0" fontId="2" fillId="0" borderId="10" xfId="1" applyFont="1" applyBorder="1" applyAlignment="1">
      <alignment horizontal="center" vertical="center"/>
    </xf>
    <xf numFmtId="0" fontId="2" fillId="0" borderId="8" xfId="1" applyFont="1" applyBorder="1" applyAlignment="1">
      <alignment horizontal="center" vertical="center"/>
    </xf>
    <xf numFmtId="0" fontId="2" fillId="0" borderId="9" xfId="1" applyFont="1" applyBorder="1" applyAlignment="1">
      <alignment horizontal="left" vertical="center"/>
    </xf>
    <xf numFmtId="0" fontId="2" fillId="0" borderId="9" xfId="1" applyFont="1" applyBorder="1" applyAlignment="1">
      <alignment horizontal="center" vertical="center"/>
    </xf>
    <xf numFmtId="0" fontId="2" fillId="0" borderId="9" xfId="1" applyFont="1" applyBorder="1" applyAlignment="1">
      <alignment vertical="center" shrinkToFit="1"/>
    </xf>
    <xf numFmtId="0" fontId="2" fillId="0" borderId="10" xfId="1" applyFont="1" applyBorder="1" applyAlignment="1">
      <alignment vertical="center" shrinkToFit="1"/>
    </xf>
    <xf numFmtId="0" fontId="2" fillId="0" borderId="5" xfId="1" applyFont="1" applyBorder="1" applyAlignment="1">
      <alignment horizontal="left" vertical="center"/>
    </xf>
    <xf numFmtId="0" fontId="2" fillId="0" borderId="7" xfId="1" applyFont="1" applyBorder="1" applyAlignment="1">
      <alignment horizontal="left" vertical="center"/>
    </xf>
    <xf numFmtId="0" fontId="2" fillId="0" borderId="11" xfId="1" applyFont="1" applyBorder="1" applyAlignment="1">
      <alignment horizontal="left" vertical="center"/>
    </xf>
    <xf numFmtId="0" fontId="2" fillId="0" borderId="12" xfId="1" applyFont="1" applyBorder="1" applyAlignment="1">
      <alignment horizontal="left" vertical="center"/>
    </xf>
    <xf numFmtId="0" fontId="2" fillId="0" borderId="4" xfId="1" applyFont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2" fillId="0" borderId="5" xfId="1" applyFont="1" applyBorder="1" applyAlignment="1">
      <alignment horizontal="left" vertical="center"/>
    </xf>
    <xf numFmtId="0" fontId="2" fillId="0" borderId="6" xfId="1" applyFont="1" applyBorder="1" applyAlignment="1">
      <alignment horizontal="left" vertical="center"/>
    </xf>
    <xf numFmtId="0" fontId="2" fillId="0" borderId="7" xfId="1" applyFont="1" applyBorder="1" applyAlignment="1">
      <alignment horizontal="left" vertical="center"/>
    </xf>
    <xf numFmtId="0" fontId="5" fillId="0" borderId="5" xfId="1" applyFont="1" applyBorder="1" applyAlignment="1">
      <alignment horizontal="center" vertical="center"/>
    </xf>
    <xf numFmtId="0" fontId="5" fillId="0" borderId="6" xfId="1" applyFont="1" applyBorder="1" applyAlignment="1">
      <alignment horizontal="center" vertical="center"/>
    </xf>
    <xf numFmtId="0" fontId="5" fillId="0" borderId="7" xfId="1" applyFont="1" applyBorder="1" applyAlignment="1">
      <alignment horizontal="center" vertical="center"/>
    </xf>
    <xf numFmtId="0" fontId="2" fillId="0" borderId="8" xfId="1" applyFont="1" applyBorder="1" applyAlignment="1">
      <alignment horizontal="left" vertical="center"/>
    </xf>
    <xf numFmtId="0" fontId="2" fillId="0" borderId="9" xfId="1" applyFont="1" applyBorder="1" applyAlignment="1">
      <alignment horizontal="left" vertical="center"/>
    </xf>
    <xf numFmtId="0" fontId="2" fillId="0" borderId="10" xfId="1" applyFont="1" applyBorder="1" applyAlignment="1">
      <alignment horizontal="left" vertical="center"/>
    </xf>
    <xf numFmtId="0" fontId="2" fillId="0" borderId="10" xfId="1" applyFont="1" applyBorder="1" applyAlignment="1">
      <alignment horizontal="center" vertical="center"/>
    </xf>
    <xf numFmtId="0" fontId="2" fillId="0" borderId="8" xfId="1" applyFont="1" applyBorder="1" applyAlignment="1">
      <alignment horizontal="left" vertical="center"/>
    </xf>
    <xf numFmtId="0" fontId="2" fillId="0" borderId="10" xfId="1" applyFont="1" applyBorder="1" applyAlignment="1">
      <alignment horizontal="left" vertical="center"/>
    </xf>
    <xf numFmtId="0" fontId="2" fillId="0" borderId="0" xfId="1" applyFont="1" applyAlignment="1">
      <alignment horizontal="center"/>
    </xf>
  </cellXfs>
  <cellStyles count="2">
    <cellStyle name="標準" xfId="0" builtinId="0"/>
    <cellStyle name="標準 2" xfId="1" xr:uid="{95E4806F-5410-45E2-9E7D-82E490BB8BCC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1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3.xml"/><Relationship Id="rId4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1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2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3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>
        <row r="4">
          <cell r="B4" t="str">
            <v>訪問介護（介護予防含む）</v>
          </cell>
        </row>
        <row r="5">
          <cell r="B5" t="str">
            <v>夜間対応型訪問介護</v>
          </cell>
        </row>
        <row r="6">
          <cell r="B6" t="str">
            <v>訪問入浴介護（介護予防含む）</v>
          </cell>
        </row>
        <row r="7">
          <cell r="B7" t="str">
            <v>通所介護（介護予防含む）</v>
          </cell>
        </row>
        <row r="8">
          <cell r="B8" t="str">
            <v>認知症対応型通所介護（介護予防含む）</v>
          </cell>
        </row>
        <row r="9">
          <cell r="B9" t="str">
            <v>通所リハビリテーション（介護予防含む）</v>
          </cell>
        </row>
        <row r="10">
          <cell r="B10" t="str">
            <v>短期入所生活介護（介護予防含む）</v>
          </cell>
        </row>
        <row r="11">
          <cell r="B11" t="str">
            <v>短期入所療養介護（老健）（介護予防含む）</v>
          </cell>
        </row>
        <row r="12">
          <cell r="B12" t="str">
            <v>短期入所療養介護（老健以外）（介護予防含む）</v>
          </cell>
        </row>
        <row r="13">
          <cell r="B13" t="str">
            <v>特定施設入居者生活介護（介護予防含む）</v>
          </cell>
        </row>
        <row r="14">
          <cell r="B14" t="str">
            <v>地域密着型特定施設入居者生活介護</v>
          </cell>
        </row>
        <row r="15">
          <cell r="B15" t="str">
            <v>認知症対応型共同生活介護（介護予防含む）</v>
          </cell>
        </row>
        <row r="16">
          <cell r="B16" t="str">
            <v>小規模多機能型居宅介護（介護予防含む）</v>
          </cell>
        </row>
        <row r="17">
          <cell r="B17" t="str">
            <v>介護福祉施設サービス</v>
          </cell>
        </row>
        <row r="18">
          <cell r="B18" t="str">
            <v>地域密着型介護老人福祉施設</v>
          </cell>
        </row>
        <row r="19">
          <cell r="B19" t="str">
            <v>介護保健施設サービス</v>
          </cell>
        </row>
        <row r="20">
          <cell r="B20" t="str">
            <v>介護療養施設サービス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>
        <row r="4">
          <cell r="C4" t="str">
            <v>訪問介護（介護予防含む）</v>
          </cell>
        </row>
        <row r="5">
          <cell r="C5" t="str">
            <v>夜間対応型訪問介護</v>
          </cell>
        </row>
        <row r="6">
          <cell r="C6" t="str">
            <v>訪問入浴介護（介護予防含む）</v>
          </cell>
        </row>
        <row r="7">
          <cell r="C7" t="str">
            <v>通所介護（介護予防含む）</v>
          </cell>
        </row>
        <row r="8">
          <cell r="C8" t="str">
            <v>認知症対応型通所介護（介護予防含む）</v>
          </cell>
        </row>
        <row r="9">
          <cell r="C9" t="str">
            <v>通所リハビリテーション（介護予防含む）</v>
          </cell>
        </row>
        <row r="10">
          <cell r="C10" t="str">
            <v>短期入所生活介護（介護予防含む）</v>
          </cell>
        </row>
        <row r="11">
          <cell r="C11" t="str">
            <v>短期入所療養介護（老健）（介護予防含む）</v>
          </cell>
        </row>
        <row r="12">
          <cell r="C12" t="str">
            <v>短期入所療養介護（老健以外）（介護予防含む）</v>
          </cell>
        </row>
        <row r="13">
          <cell r="C13" t="str">
            <v>特定施設入居者生活介護（介護予防含む）</v>
          </cell>
        </row>
        <row r="14">
          <cell r="C14" t="str">
            <v>地域密着型特定施設入居者生活介護</v>
          </cell>
        </row>
        <row r="15">
          <cell r="C15" t="str">
            <v>認知症対応型共同生活介護（介護予防含む）</v>
          </cell>
        </row>
        <row r="16">
          <cell r="C16" t="str">
            <v>小規模多機能型居宅介護（介護予防含む）</v>
          </cell>
        </row>
        <row r="17">
          <cell r="C17" t="str">
            <v>介護福祉施設サービス</v>
          </cell>
        </row>
        <row r="18">
          <cell r="C18" t="str">
            <v>地域密着型介護老人福祉施設</v>
          </cell>
        </row>
        <row r="19">
          <cell r="C19" t="str">
            <v>介護保健施設サービス</v>
          </cell>
        </row>
        <row r="20">
          <cell r="C20" t="str">
            <v>介護療養施設サービス</v>
          </cell>
        </row>
      </sheetData>
      <sheetData sheetId="4"/>
      <sheetData sheetId="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  <sheetName val="別表加算率一覧"/>
    </sheetNames>
    <sheetDataSet>
      <sheetData sheetId="0"/>
      <sheetData sheetId="1"/>
      <sheetData sheetId="2"/>
      <sheetData sheetId="3"/>
      <sheetData sheetId="4"/>
      <sheetData sheetId="5">
        <row r="4">
          <cell r="A4" t="str">
            <v>訪問介護（介護予防含む）</v>
          </cell>
        </row>
        <row r="5">
          <cell r="A5" t="str">
            <v>夜間対応型訪問介護</v>
          </cell>
        </row>
        <row r="6">
          <cell r="A6" t="str">
            <v>訪問入浴介護（介護予防含む）</v>
          </cell>
        </row>
        <row r="7">
          <cell r="A7" t="str">
            <v>通所介護（介護予防含む）</v>
          </cell>
        </row>
        <row r="8">
          <cell r="A8" t="str">
            <v>認知症対応型通所介護（介護予防含む）</v>
          </cell>
        </row>
        <row r="9">
          <cell r="A9" t="str">
            <v>通所リハビリテーション（介護予防含む）</v>
          </cell>
        </row>
        <row r="10">
          <cell r="A10" t="str">
            <v>短期入所生活介護（介護予防含む）</v>
          </cell>
        </row>
        <row r="11">
          <cell r="A11" t="str">
            <v>短期入所療養介護（老健）（介護予防含む）</v>
          </cell>
        </row>
        <row r="12">
          <cell r="A12" t="str">
            <v>短期入所療養介護（老健以外）（介護予防含む）</v>
          </cell>
        </row>
        <row r="13">
          <cell r="A13" t="str">
            <v>特定施設入居者生活介護（介護予防含む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共同生活介護（介護予防含む）</v>
          </cell>
        </row>
        <row r="16">
          <cell r="A16" t="str">
            <v>小規模多機能型居宅介護（介護予防含む）</v>
          </cell>
        </row>
        <row r="17">
          <cell r="A17" t="str">
            <v>介護福祉施設サービス</v>
          </cell>
        </row>
        <row r="18">
          <cell r="A18" t="str">
            <v>地域密着型介護老人福祉施設</v>
          </cell>
        </row>
        <row r="19">
          <cell r="A19" t="str">
            <v>介護保健施設サービス</v>
          </cell>
        </row>
        <row r="20">
          <cell r="A20" t="str">
            <v>介護療養施設サービス</v>
          </cell>
        </row>
      </sheetData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B09C5A5-15FC-4AC3-9329-8561399AB00D}">
  <dimension ref="B1:Z38"/>
  <sheetViews>
    <sheetView tabSelected="1" topLeftCell="A7" zoomScaleNormal="100" workbookViewId="0">
      <selection activeCell="AM29" sqref="AM29"/>
    </sheetView>
  </sheetViews>
  <sheetFormatPr defaultColWidth="3.5" defaultRowHeight="13.5" x14ac:dyDescent="0.15"/>
  <cols>
    <col min="1" max="1" width="2" style="17" customWidth="1"/>
    <col min="2" max="2" width="3" style="50" customWidth="1"/>
    <col min="3" max="7" width="3.5" style="17"/>
    <col min="8" max="8" width="2.5" style="17" customWidth="1"/>
    <col min="9" max="26" width="3.5" style="17"/>
    <col min="27" max="27" width="1.375" style="17" customWidth="1"/>
    <col min="28" max="16384" width="3.5" style="17"/>
  </cols>
  <sheetData>
    <row r="1" spans="2:26" s="1" customFormat="1" x14ac:dyDescent="0.4"/>
    <row r="2" spans="2:26" s="1" customFormat="1" x14ac:dyDescent="0.4">
      <c r="B2" s="1" t="s">
        <v>0</v>
      </c>
    </row>
    <row r="3" spans="2:26" s="1" customFormat="1" x14ac:dyDescent="0.4"/>
    <row r="4" spans="2:26" s="1" customFormat="1" x14ac:dyDescent="0.4">
      <c r="B4" s="2" t="s">
        <v>1</v>
      </c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</row>
    <row r="5" spans="2:26" s="1" customFormat="1" x14ac:dyDescent="0.4"/>
    <row r="6" spans="2:26" s="1" customFormat="1" ht="31.5" customHeight="1" x14ac:dyDescent="0.4">
      <c r="B6" s="3" t="s">
        <v>2</v>
      </c>
      <c r="C6" s="3"/>
      <c r="D6" s="3"/>
      <c r="E6" s="3"/>
      <c r="F6" s="3"/>
      <c r="G6" s="4"/>
      <c r="H6" s="5"/>
      <c r="I6" s="5"/>
      <c r="J6" s="5"/>
      <c r="K6" s="5"/>
      <c r="L6" s="5"/>
      <c r="M6" s="5"/>
      <c r="N6" s="5"/>
      <c r="O6" s="5"/>
      <c r="P6" s="5"/>
      <c r="Q6" s="5"/>
      <c r="R6" s="5"/>
      <c r="S6" s="5"/>
      <c r="T6" s="5"/>
      <c r="U6" s="5"/>
      <c r="V6" s="5"/>
      <c r="W6" s="5"/>
      <c r="X6" s="5"/>
      <c r="Y6" s="5"/>
      <c r="Z6" s="6"/>
    </row>
    <row r="7" spans="2:26" s="1" customFormat="1" ht="31.5" customHeight="1" x14ac:dyDescent="0.4">
      <c r="B7" s="7" t="s">
        <v>3</v>
      </c>
      <c r="C7" s="8"/>
      <c r="D7" s="8"/>
      <c r="E7" s="8"/>
      <c r="F7" s="9"/>
      <c r="G7" s="10" t="s">
        <v>4</v>
      </c>
      <c r="H7" s="11" t="s">
        <v>5</v>
      </c>
      <c r="I7" s="11"/>
      <c r="J7" s="11"/>
      <c r="K7" s="11"/>
      <c r="L7" s="12" t="s">
        <v>4</v>
      </c>
      <c r="M7" s="11" t="s">
        <v>6</v>
      </c>
      <c r="N7" s="11"/>
      <c r="O7" s="11"/>
      <c r="P7" s="11"/>
      <c r="Q7" s="12" t="s">
        <v>4</v>
      </c>
      <c r="R7" s="11" t="s">
        <v>7</v>
      </c>
      <c r="S7" s="11"/>
      <c r="T7" s="11"/>
      <c r="U7" s="11"/>
      <c r="V7" s="11"/>
      <c r="W7" s="11"/>
      <c r="X7" s="11"/>
      <c r="Y7" s="11"/>
      <c r="Z7" s="13"/>
    </row>
    <row r="8" spans="2:26" ht="31.5" customHeight="1" x14ac:dyDescent="0.15">
      <c r="B8" s="7" t="s">
        <v>8</v>
      </c>
      <c r="C8" s="8"/>
      <c r="D8" s="8"/>
      <c r="E8" s="8"/>
      <c r="F8" s="9"/>
      <c r="G8" s="10" t="s">
        <v>4</v>
      </c>
      <c r="H8" s="14" t="s">
        <v>9</v>
      </c>
      <c r="I8" s="14"/>
      <c r="J8" s="14"/>
      <c r="K8" s="14"/>
      <c r="L8" s="14"/>
      <c r="M8" s="14"/>
      <c r="N8" s="14"/>
      <c r="O8" s="14"/>
      <c r="P8" s="12" t="s">
        <v>4</v>
      </c>
      <c r="Q8" s="14" t="s">
        <v>10</v>
      </c>
      <c r="R8" s="14"/>
      <c r="S8" s="15"/>
      <c r="T8" s="15"/>
      <c r="U8" s="15"/>
      <c r="V8" s="15"/>
      <c r="W8" s="15"/>
      <c r="X8" s="15"/>
      <c r="Y8" s="15"/>
      <c r="Z8" s="16"/>
    </row>
    <row r="9" spans="2:26" ht="20.100000000000001" customHeight="1" x14ac:dyDescent="0.15">
      <c r="B9" s="18" t="s">
        <v>11</v>
      </c>
      <c r="C9" s="19"/>
      <c r="D9" s="19"/>
      <c r="E9" s="19"/>
      <c r="F9" s="20"/>
      <c r="G9" s="12" t="s">
        <v>4</v>
      </c>
      <c r="H9" s="21" t="s">
        <v>12</v>
      </c>
      <c r="I9" s="21"/>
      <c r="J9" s="21"/>
      <c r="K9" s="21"/>
      <c r="L9" s="21"/>
      <c r="M9" s="21"/>
      <c r="N9" s="21"/>
      <c r="O9" s="21"/>
      <c r="P9" s="21"/>
      <c r="Q9" s="12" t="s">
        <v>4</v>
      </c>
      <c r="R9" s="21" t="s">
        <v>13</v>
      </c>
      <c r="S9" s="22"/>
      <c r="T9" s="22"/>
      <c r="U9" s="22"/>
      <c r="V9" s="22"/>
      <c r="W9" s="22"/>
      <c r="X9" s="22"/>
      <c r="Y9" s="22"/>
      <c r="Z9" s="23"/>
    </row>
    <row r="10" spans="2:26" ht="20.100000000000001" customHeight="1" x14ac:dyDescent="0.15">
      <c r="B10" s="24"/>
      <c r="C10" s="25"/>
      <c r="D10" s="25"/>
      <c r="E10" s="25"/>
      <c r="F10" s="26"/>
      <c r="G10" s="27" t="s">
        <v>4</v>
      </c>
      <c r="H10" s="28" t="s">
        <v>14</v>
      </c>
      <c r="I10" s="28"/>
      <c r="J10" s="28"/>
      <c r="K10" s="28"/>
      <c r="L10" s="28"/>
      <c r="M10" s="28"/>
      <c r="N10" s="28"/>
      <c r="O10" s="28"/>
      <c r="P10" s="28"/>
      <c r="Q10" s="29" t="s">
        <v>4</v>
      </c>
      <c r="R10" s="28" t="s">
        <v>15</v>
      </c>
      <c r="S10" s="30"/>
      <c r="T10" s="30"/>
      <c r="U10" s="30"/>
      <c r="V10" s="30"/>
      <c r="W10" s="30"/>
      <c r="X10" s="30"/>
      <c r="Y10" s="30"/>
      <c r="Z10" s="31"/>
    </row>
    <row r="11" spans="2:26" s="1" customFormat="1" x14ac:dyDescent="0.4"/>
    <row r="12" spans="2:26" s="1" customFormat="1" x14ac:dyDescent="0.4">
      <c r="B12" s="32"/>
      <c r="C12" s="21"/>
      <c r="D12" s="21"/>
      <c r="E12" s="21"/>
      <c r="F12" s="21"/>
      <c r="G12" s="21"/>
      <c r="H12" s="21"/>
      <c r="I12" s="21"/>
      <c r="J12" s="21"/>
      <c r="K12" s="21"/>
      <c r="L12" s="21"/>
      <c r="M12" s="21"/>
      <c r="N12" s="21"/>
      <c r="O12" s="21"/>
      <c r="P12" s="21"/>
      <c r="Q12" s="21"/>
      <c r="R12" s="21"/>
      <c r="S12" s="21"/>
      <c r="T12" s="21"/>
      <c r="U12" s="21"/>
      <c r="V12" s="21"/>
      <c r="W12" s="21"/>
      <c r="X12" s="21"/>
      <c r="Y12" s="21"/>
      <c r="Z12" s="33"/>
    </row>
    <row r="13" spans="2:26" s="1" customFormat="1" x14ac:dyDescent="0.4">
      <c r="B13" s="34" t="s">
        <v>16</v>
      </c>
      <c r="Z13" s="35"/>
    </row>
    <row r="14" spans="2:26" s="1" customFormat="1" x14ac:dyDescent="0.4">
      <c r="B14" s="34"/>
      <c r="Z14" s="35"/>
    </row>
    <row r="15" spans="2:26" s="1" customFormat="1" x14ac:dyDescent="0.4">
      <c r="B15" s="34"/>
      <c r="C15" s="1" t="s">
        <v>17</v>
      </c>
      <c r="Z15" s="35"/>
    </row>
    <row r="16" spans="2:26" s="1" customFormat="1" ht="6.75" customHeight="1" x14ac:dyDescent="0.4">
      <c r="B16" s="34"/>
      <c r="Z16" s="35"/>
    </row>
    <row r="17" spans="2:26" s="1" customFormat="1" ht="26.25" customHeight="1" x14ac:dyDescent="0.4">
      <c r="B17" s="34"/>
      <c r="C17" s="4" t="s">
        <v>18</v>
      </c>
      <c r="D17" s="5"/>
      <c r="E17" s="5"/>
      <c r="F17" s="5"/>
      <c r="G17" s="6"/>
      <c r="H17" s="7"/>
      <c r="I17" s="8"/>
      <c r="J17" s="8"/>
      <c r="K17" s="8"/>
      <c r="L17" s="8"/>
      <c r="M17" s="8"/>
      <c r="N17" s="36" t="s">
        <v>19</v>
      </c>
      <c r="P17" s="4" t="s">
        <v>20</v>
      </c>
      <c r="Q17" s="5"/>
      <c r="R17" s="5"/>
      <c r="S17" s="5"/>
      <c r="T17" s="6"/>
      <c r="U17" s="7"/>
      <c r="V17" s="8"/>
      <c r="W17" s="8"/>
      <c r="X17" s="8"/>
      <c r="Y17" s="36" t="s">
        <v>19</v>
      </c>
      <c r="Z17" s="35"/>
    </row>
    <row r="18" spans="2:26" s="1" customFormat="1" x14ac:dyDescent="0.4">
      <c r="B18" s="34"/>
      <c r="N18" s="12"/>
      <c r="Z18" s="35"/>
    </row>
    <row r="19" spans="2:26" s="1" customFormat="1" x14ac:dyDescent="0.4">
      <c r="B19" s="34"/>
      <c r="C19" s="1" t="s">
        <v>21</v>
      </c>
      <c r="Z19" s="35"/>
    </row>
    <row r="20" spans="2:26" s="1" customFormat="1" ht="6.75" customHeight="1" x14ac:dyDescent="0.4">
      <c r="B20" s="34"/>
      <c r="Z20" s="35"/>
    </row>
    <row r="21" spans="2:26" s="1" customFormat="1" ht="26.25" customHeight="1" x14ac:dyDescent="0.4">
      <c r="B21" s="34"/>
      <c r="C21" s="4" t="s">
        <v>22</v>
      </c>
      <c r="D21" s="5"/>
      <c r="E21" s="5"/>
      <c r="F21" s="5"/>
      <c r="G21" s="6"/>
      <c r="H21" s="4" t="s">
        <v>23</v>
      </c>
      <c r="I21" s="5"/>
      <c r="J21" s="5"/>
      <c r="K21" s="5"/>
      <c r="L21" s="8"/>
      <c r="M21" s="8"/>
      <c r="N21" s="36" t="s">
        <v>19</v>
      </c>
      <c r="O21" s="4" t="s">
        <v>24</v>
      </c>
      <c r="P21" s="5"/>
      <c r="Q21" s="5"/>
      <c r="R21" s="5"/>
      <c r="S21" s="8"/>
      <c r="T21" s="8"/>
      <c r="U21" s="36" t="s">
        <v>19</v>
      </c>
      <c r="Z21" s="35"/>
    </row>
    <row r="22" spans="2:26" s="1" customFormat="1" ht="26.25" customHeight="1" x14ac:dyDescent="0.4">
      <c r="B22" s="34"/>
      <c r="C22" s="4" t="s">
        <v>25</v>
      </c>
      <c r="D22" s="5"/>
      <c r="E22" s="5"/>
      <c r="F22" s="5"/>
      <c r="G22" s="6"/>
      <c r="H22" s="4" t="s">
        <v>23</v>
      </c>
      <c r="I22" s="5"/>
      <c r="J22" s="5"/>
      <c r="K22" s="5"/>
      <c r="L22" s="8"/>
      <c r="M22" s="8"/>
      <c r="N22" s="36" t="s">
        <v>19</v>
      </c>
      <c r="O22" s="4" t="s">
        <v>24</v>
      </c>
      <c r="P22" s="5"/>
      <c r="Q22" s="5"/>
      <c r="R22" s="5"/>
      <c r="S22" s="8"/>
      <c r="T22" s="8"/>
      <c r="U22" s="36" t="s">
        <v>19</v>
      </c>
      <c r="Z22" s="35"/>
    </row>
    <row r="23" spans="2:26" s="1" customFormat="1" ht="26.25" customHeight="1" x14ac:dyDescent="0.4">
      <c r="B23" s="34"/>
      <c r="C23" s="4" t="s">
        <v>26</v>
      </c>
      <c r="D23" s="5"/>
      <c r="E23" s="5"/>
      <c r="F23" s="5"/>
      <c r="G23" s="6"/>
      <c r="H23" s="4" t="s">
        <v>23</v>
      </c>
      <c r="I23" s="5"/>
      <c r="J23" s="5"/>
      <c r="K23" s="5"/>
      <c r="L23" s="8"/>
      <c r="M23" s="8"/>
      <c r="N23" s="36" t="s">
        <v>19</v>
      </c>
      <c r="O23" s="4" t="s">
        <v>24</v>
      </c>
      <c r="P23" s="5"/>
      <c r="Q23" s="5"/>
      <c r="R23" s="5"/>
      <c r="S23" s="8"/>
      <c r="T23" s="8"/>
      <c r="U23" s="36" t="s">
        <v>19</v>
      </c>
      <c r="Z23" s="35"/>
    </row>
    <row r="24" spans="2:26" s="1" customFormat="1" x14ac:dyDescent="0.4">
      <c r="B24" s="34"/>
      <c r="L24" s="12"/>
      <c r="Q24" s="12"/>
      <c r="V24" s="12"/>
      <c r="Z24" s="35"/>
    </row>
    <row r="25" spans="2:26" s="1" customFormat="1" x14ac:dyDescent="0.4">
      <c r="B25" s="34"/>
      <c r="C25" s="1" t="s">
        <v>27</v>
      </c>
      <c r="Z25" s="35"/>
    </row>
    <row r="26" spans="2:26" s="1" customFormat="1" ht="4.5" customHeight="1" x14ac:dyDescent="0.4">
      <c r="B26" s="34"/>
      <c r="Z26" s="35"/>
    </row>
    <row r="27" spans="2:26" s="1" customFormat="1" ht="24" customHeight="1" x14ac:dyDescent="0.4">
      <c r="B27" s="34"/>
      <c r="C27" s="7" t="s">
        <v>28</v>
      </c>
      <c r="D27" s="8"/>
      <c r="E27" s="8"/>
      <c r="F27" s="8"/>
      <c r="G27" s="8"/>
      <c r="H27" s="8"/>
      <c r="I27" s="8"/>
      <c r="J27" s="8"/>
      <c r="K27" s="8"/>
      <c r="L27" s="8"/>
      <c r="M27" s="8"/>
      <c r="N27" s="8"/>
      <c r="O27" s="9"/>
      <c r="P27" s="7" t="s">
        <v>29</v>
      </c>
      <c r="Q27" s="8"/>
      <c r="R27" s="8"/>
      <c r="S27" s="8"/>
      <c r="T27" s="8"/>
      <c r="U27" s="8"/>
      <c r="V27" s="8"/>
      <c r="W27" s="8"/>
      <c r="X27" s="8"/>
      <c r="Y27" s="9"/>
      <c r="Z27" s="37"/>
    </row>
    <row r="28" spans="2:26" s="1" customFormat="1" ht="21" customHeight="1" x14ac:dyDescent="0.4">
      <c r="B28" s="34"/>
      <c r="C28" s="4"/>
      <c r="D28" s="5"/>
      <c r="E28" s="5"/>
      <c r="F28" s="5"/>
      <c r="G28" s="5"/>
      <c r="H28" s="5"/>
      <c r="I28" s="5"/>
      <c r="J28" s="5"/>
      <c r="K28" s="5"/>
      <c r="L28" s="5"/>
      <c r="M28" s="5"/>
      <c r="N28" s="5"/>
      <c r="O28" s="6"/>
      <c r="P28" s="4"/>
      <c r="Q28" s="5"/>
      <c r="R28" s="5"/>
      <c r="S28" s="5"/>
      <c r="T28" s="5"/>
      <c r="U28" s="5"/>
      <c r="V28" s="5"/>
      <c r="W28" s="5"/>
      <c r="X28" s="5"/>
      <c r="Y28" s="6"/>
      <c r="Z28" s="35"/>
    </row>
    <row r="29" spans="2:26" s="1" customFormat="1" ht="21" customHeight="1" x14ac:dyDescent="0.4">
      <c r="B29" s="34"/>
      <c r="C29" s="4"/>
      <c r="D29" s="5"/>
      <c r="E29" s="5"/>
      <c r="F29" s="5"/>
      <c r="G29" s="5"/>
      <c r="H29" s="5"/>
      <c r="I29" s="5"/>
      <c r="J29" s="5"/>
      <c r="K29" s="5"/>
      <c r="L29" s="5"/>
      <c r="M29" s="5"/>
      <c r="N29" s="5"/>
      <c r="O29" s="6"/>
      <c r="P29" s="4"/>
      <c r="Q29" s="5"/>
      <c r="R29" s="5"/>
      <c r="S29" s="5"/>
      <c r="T29" s="5"/>
      <c r="U29" s="5"/>
      <c r="V29" s="5"/>
      <c r="W29" s="5"/>
      <c r="X29" s="5"/>
      <c r="Y29" s="6"/>
      <c r="Z29" s="35"/>
    </row>
    <row r="30" spans="2:26" s="1" customFormat="1" ht="21" customHeight="1" x14ac:dyDescent="0.4">
      <c r="B30" s="34"/>
      <c r="C30" s="4"/>
      <c r="D30" s="5"/>
      <c r="E30" s="5"/>
      <c r="F30" s="5"/>
      <c r="G30" s="5"/>
      <c r="H30" s="5"/>
      <c r="I30" s="5"/>
      <c r="J30" s="5"/>
      <c r="K30" s="5"/>
      <c r="L30" s="5"/>
      <c r="M30" s="5"/>
      <c r="N30" s="5"/>
      <c r="O30" s="6"/>
      <c r="P30" s="4"/>
      <c r="Q30" s="5"/>
      <c r="R30" s="5"/>
      <c r="S30" s="5"/>
      <c r="T30" s="5"/>
      <c r="U30" s="5"/>
      <c r="V30" s="5"/>
      <c r="W30" s="5"/>
      <c r="X30" s="5"/>
      <c r="Y30" s="6"/>
      <c r="Z30" s="35"/>
    </row>
    <row r="31" spans="2:26" s="1" customFormat="1" ht="21" customHeight="1" x14ac:dyDescent="0.4">
      <c r="B31" s="34"/>
      <c r="C31" s="4"/>
      <c r="D31" s="5"/>
      <c r="E31" s="5"/>
      <c r="F31" s="5"/>
      <c r="G31" s="5"/>
      <c r="H31" s="5"/>
      <c r="I31" s="5"/>
      <c r="J31" s="5"/>
      <c r="K31" s="5"/>
      <c r="L31" s="5"/>
      <c r="M31" s="5"/>
      <c r="N31" s="5"/>
      <c r="O31" s="6"/>
      <c r="P31" s="4"/>
      <c r="Q31" s="5"/>
      <c r="R31" s="5"/>
      <c r="S31" s="5"/>
      <c r="T31" s="5"/>
      <c r="U31" s="5"/>
      <c r="V31" s="5"/>
      <c r="W31" s="5"/>
      <c r="X31" s="5"/>
      <c r="Y31" s="6"/>
      <c r="Z31" s="35"/>
    </row>
    <row r="32" spans="2:26" s="1" customFormat="1" ht="21" customHeight="1" x14ac:dyDescent="0.4">
      <c r="B32" s="34"/>
      <c r="C32" s="4"/>
      <c r="D32" s="5"/>
      <c r="E32" s="5"/>
      <c r="F32" s="5"/>
      <c r="G32" s="5"/>
      <c r="H32" s="5"/>
      <c r="I32" s="5"/>
      <c r="J32" s="5"/>
      <c r="K32" s="5"/>
      <c r="L32" s="5"/>
      <c r="M32" s="5"/>
      <c r="N32" s="5"/>
      <c r="O32" s="6"/>
      <c r="P32" s="4"/>
      <c r="Q32" s="5"/>
      <c r="R32" s="5"/>
      <c r="S32" s="5"/>
      <c r="T32" s="5"/>
      <c r="U32" s="5"/>
      <c r="V32" s="5"/>
      <c r="W32" s="5"/>
      <c r="X32" s="5"/>
      <c r="Y32" s="6"/>
      <c r="Z32" s="35"/>
    </row>
    <row r="33" spans="2:26" s="1" customFormat="1" ht="21" customHeight="1" x14ac:dyDescent="0.4">
      <c r="B33" s="34"/>
      <c r="C33" s="29"/>
      <c r="D33" s="29"/>
      <c r="E33" s="29"/>
      <c r="F33" s="29"/>
      <c r="G33" s="29"/>
      <c r="H33" s="29"/>
      <c r="I33" s="29"/>
      <c r="J33" s="29"/>
      <c r="K33" s="29"/>
      <c r="L33" s="29"/>
      <c r="M33" s="29"/>
      <c r="N33" s="29"/>
      <c r="O33" s="29"/>
      <c r="P33" s="28"/>
      <c r="Q33" s="28"/>
      <c r="R33" s="28"/>
      <c r="S33" s="28"/>
      <c r="T33" s="28"/>
      <c r="U33" s="28"/>
      <c r="V33" s="28"/>
      <c r="W33" s="28"/>
      <c r="X33" s="28"/>
      <c r="Y33" s="28"/>
      <c r="Z33" s="35"/>
    </row>
    <row r="34" spans="2:26" s="1" customFormat="1" ht="21" customHeight="1" x14ac:dyDescent="0.4">
      <c r="B34" s="34"/>
      <c r="C34" s="38" t="s">
        <v>30</v>
      </c>
      <c r="D34" s="39"/>
      <c r="E34" s="39"/>
      <c r="F34" s="39"/>
      <c r="G34" s="39"/>
      <c r="H34" s="39"/>
      <c r="I34" s="39"/>
      <c r="J34" s="39"/>
      <c r="K34" s="39"/>
      <c r="L34" s="39"/>
      <c r="M34" s="39"/>
      <c r="N34" s="39"/>
      <c r="O34" s="39"/>
      <c r="P34" s="39"/>
      <c r="Q34" s="39"/>
      <c r="R34" s="39"/>
      <c r="S34" s="39"/>
      <c r="T34" s="39"/>
      <c r="U34" s="39"/>
      <c r="V34" s="40"/>
      <c r="W34" s="41" t="s">
        <v>31</v>
      </c>
      <c r="X34" s="42" t="s">
        <v>32</v>
      </c>
      <c r="Y34" s="43" t="s">
        <v>33</v>
      </c>
      <c r="Z34" s="35"/>
    </row>
    <row r="35" spans="2:26" s="1" customFormat="1" ht="21" customHeight="1" x14ac:dyDescent="0.4">
      <c r="B35" s="34"/>
      <c r="C35" s="44"/>
      <c r="D35" s="45"/>
      <c r="E35" s="45"/>
      <c r="F35" s="45"/>
      <c r="G35" s="45"/>
      <c r="H35" s="45"/>
      <c r="I35" s="45"/>
      <c r="J35" s="45"/>
      <c r="K35" s="45"/>
      <c r="L35" s="45"/>
      <c r="M35" s="45"/>
      <c r="N35" s="45"/>
      <c r="O35" s="45"/>
      <c r="P35" s="45"/>
      <c r="Q35" s="45"/>
      <c r="R35" s="45"/>
      <c r="S35" s="45"/>
      <c r="T35" s="45"/>
      <c r="U35" s="45"/>
      <c r="V35" s="46"/>
      <c r="W35" s="27" t="s">
        <v>4</v>
      </c>
      <c r="X35" s="29" t="s">
        <v>32</v>
      </c>
      <c r="Y35" s="47" t="s">
        <v>4</v>
      </c>
      <c r="Z35" s="35"/>
    </row>
    <row r="36" spans="2:26" s="1" customFormat="1" x14ac:dyDescent="0.4">
      <c r="B36" s="48"/>
      <c r="C36" s="28"/>
      <c r="D36" s="28"/>
      <c r="E36" s="28"/>
      <c r="F36" s="28"/>
      <c r="G36" s="28"/>
      <c r="H36" s="28"/>
      <c r="I36" s="28"/>
      <c r="J36" s="28"/>
      <c r="K36" s="28"/>
      <c r="L36" s="28"/>
      <c r="M36" s="28"/>
      <c r="N36" s="28"/>
      <c r="O36" s="28"/>
      <c r="P36" s="28"/>
      <c r="Q36" s="28"/>
      <c r="R36" s="28"/>
      <c r="S36" s="28"/>
      <c r="T36" s="28"/>
      <c r="U36" s="28"/>
      <c r="V36" s="28"/>
      <c r="W36" s="28"/>
      <c r="X36" s="28"/>
      <c r="Y36" s="28"/>
      <c r="Z36" s="49"/>
    </row>
    <row r="37" spans="2:26" s="1" customFormat="1" x14ac:dyDescent="0.4"/>
    <row r="38" spans="2:26" s="1" customFormat="1" x14ac:dyDescent="0.4"/>
  </sheetData>
  <mergeCells count="38">
    <mergeCell ref="C34:V35"/>
    <mergeCell ref="C30:O30"/>
    <mergeCell ref="P30:Y30"/>
    <mergeCell ref="C31:O31"/>
    <mergeCell ref="P31:Y31"/>
    <mergeCell ref="C32:O32"/>
    <mergeCell ref="P32:Y32"/>
    <mergeCell ref="C27:O27"/>
    <mergeCell ref="P27:Y27"/>
    <mergeCell ref="C28:O28"/>
    <mergeCell ref="P28:Y28"/>
    <mergeCell ref="C29:O29"/>
    <mergeCell ref="P29:Y29"/>
    <mergeCell ref="C22:G22"/>
    <mergeCell ref="H22:K22"/>
    <mergeCell ref="L22:M22"/>
    <mergeCell ref="O22:R22"/>
    <mergeCell ref="S22:T22"/>
    <mergeCell ref="C23:G23"/>
    <mergeCell ref="H23:K23"/>
    <mergeCell ref="L23:M23"/>
    <mergeCell ref="O23:R23"/>
    <mergeCell ref="S23:T23"/>
    <mergeCell ref="C17:G17"/>
    <mergeCell ref="H17:M17"/>
    <mergeCell ref="P17:T17"/>
    <mergeCell ref="U17:X17"/>
    <mergeCell ref="C21:G21"/>
    <mergeCell ref="H21:K21"/>
    <mergeCell ref="L21:M21"/>
    <mergeCell ref="O21:R21"/>
    <mergeCell ref="S21:T21"/>
    <mergeCell ref="B4:Z4"/>
    <mergeCell ref="B6:F6"/>
    <mergeCell ref="G6:Z6"/>
    <mergeCell ref="B7:F7"/>
    <mergeCell ref="B8:F8"/>
    <mergeCell ref="B9:F10"/>
  </mergeCells>
  <phoneticPr fontId="3"/>
  <dataValidations count="1">
    <dataValidation type="list" allowBlank="1" showInputMessage="1" showErrorMessage="1" sqref="G7:G10 L7 Q7 P8 Q9:Q10 W35 Y35" xr:uid="{1806FC8D-F595-41CA-B9F9-A5A540B13738}">
      <formula1>"□,■"</formula1>
    </dataValidation>
  </dataValidation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A5933BC-3B53-4DE8-A6D2-FF066EB73F32}">
  <dimension ref="A1"/>
  <sheetViews>
    <sheetView workbookViewId="0"/>
  </sheetViews>
  <sheetFormatPr defaultRowHeight="18.75" x14ac:dyDescent="0.4"/>
  <sheetData/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別紙25－2</vt:lpstr>
      <vt:lpstr>Sheet1</vt:lpstr>
      <vt:lpstr>'別紙25－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落合　忍</dc:creator>
  <cp:lastModifiedBy>落合　忍</cp:lastModifiedBy>
  <dcterms:created xsi:type="dcterms:W3CDTF">2024-03-22T05:02:55Z</dcterms:created>
  <dcterms:modified xsi:type="dcterms:W3CDTF">2024-03-22T05:03:52Z</dcterms:modified>
</cp:coreProperties>
</file>